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lang w:eastAsia="cs-CZ"/>
        </w:rPr>
        <w:t>Dobrý den,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lang w:eastAsia="cs-CZ"/>
        </w:rPr>
        <w:t> 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620F88">
        <w:rPr>
          <w:rFonts w:ascii="Calibri" w:eastAsia="Times New Roman" w:hAnsi="Calibri" w:cs="Calibri"/>
          <w:lang w:eastAsia="cs-CZ"/>
        </w:rPr>
        <w:t>XXXXXXXXXX</w:t>
      </w:r>
      <w:r w:rsidRPr="004316B6">
        <w:rPr>
          <w:rFonts w:ascii="Calibri" w:eastAsia="Times New Roman" w:hAnsi="Calibri" w:cs="Calibri"/>
          <w:lang w:eastAsia="cs-CZ"/>
        </w:rPr>
        <w:t>, bude fakturovaná částkou 105.900,- Kč bez DPH a 118.608,- Kč s DPH 12%.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lang w:eastAsia="cs-CZ"/>
        </w:rPr>
        <w:t> 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lang w:eastAsia="cs-CZ"/>
        </w:rPr>
        <w:t>S pozdravem,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lang w:eastAsia="cs-CZ"/>
        </w:rPr>
        <w:t> 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lang w:eastAsia="cs-CZ"/>
        </w:rPr>
        <w:t> </w:t>
      </w:r>
    </w:p>
    <w:p w:rsidR="004316B6" w:rsidRPr="004316B6" w:rsidRDefault="00620F88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X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620F88" w:rsidRPr="004316B6" w:rsidRDefault="00620F88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XXXXX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4316B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620F8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XX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4316B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620F8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4316B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620F8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</w:t>
      </w:r>
      <w:bookmarkStart w:id="0" w:name="_GoBack"/>
      <w:bookmarkEnd w:id="0"/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4316B6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oyldhdhp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oyldhdhp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316B6" w:rsidRPr="004316B6" w:rsidRDefault="004316B6" w:rsidP="004316B6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316B6">
        <w:rPr>
          <w:rFonts w:ascii="Calibri" w:eastAsia="Times New Roman" w:hAnsi="Calibri" w:cs="Calibri"/>
          <w:lang w:eastAsia="cs-CZ"/>
        </w:rPr>
        <w:t> </w:t>
      </w:r>
    </w:p>
    <w:p w:rsidR="00B61CC7" w:rsidRDefault="00B61CC7"/>
    <w:sectPr w:rsidR="00B61CC7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316B6"/>
    <w:rsid w:val="004316B6"/>
    <w:rsid w:val="00620F88"/>
    <w:rsid w:val="00B61CC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4316B6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4316B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4316B6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4316B6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4316B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4316B6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516365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9</Words>
  <Characters>353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3-13T13:44:00Z</cp:lastPrinted>
  <dcterms:created xsi:type="dcterms:W3CDTF">2025-03-13T13:46:00Z</dcterms:created>
  <dcterms:modified xsi:type="dcterms:W3CDTF">2025-03-13T13:46:00Z</dcterms:modified>
</cp:coreProperties>
</file>